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2B6D78FD-57A7-41FB-8C18-C0B19C676C33}" xr6:coauthVersionLast="45" xr6:coauthVersionMax="45" xr10:uidLastSave="{00000000-0000-0000-0000-000000000000}"/>
  <bookViews>
    <workbookView xWindow="1250" yWindow="120" windowWidth="1717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62" uniqueCount="122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บริษัท ประชารัฐรักสามัคคีภูเก็ต (วิสาหกิจเพื่อสังคม) จำกัด</t>
  </si>
  <si>
    <t>บริษัท</t>
  </si>
  <si>
    <t>นายพัฒนชัย  ลิมไธสง</t>
  </si>
  <si>
    <t xml:space="preserve">บริษัท ประชารัฐรักสามัคคีกาฬสินธุ์ (วิสาหกิจเพื่อสังคม) จำกัด </t>
  </si>
  <si>
    <t>บริษัท ประชารัฐรักสามัคคีอำนาจเจริญ (วิสาหกิจเพื่อสังคม) จำกัด</t>
  </si>
  <si>
    <t>นางสวาย  จันทร์ปิรักษ์</t>
  </si>
  <si>
    <t>บริษัท ประชารัฐรักสามัคคีพะเยา (วิสาหกิจเพื่อสังคม) จำกัด</t>
  </si>
  <si>
    <t>บ้านหัตกรรมชัยนาท ตรงข้ามเจเจมอลล์</t>
  </si>
  <si>
    <t>บริษัท ประชารัฐรักสามัคคีนครศรีธรรมราช (วิสาหกิจเพื่อสังคม) จำกัด</t>
  </si>
  <si>
    <t>บริษัท ประชารัฐรักสามัคคีสงขลา (วิสาหกิจเพื่อสังคม) จำกัด</t>
  </si>
  <si>
    <t>บริษัท โอ่งเรืองศิลป์ จำกัด</t>
  </si>
  <si>
    <t>บ้านเฮาเสาไห้</t>
  </si>
  <si>
    <t xml:space="preserve">บริษัทประชารัฐรักสามัคคียโสธร (วิสาหกิจเพื่อสังคม) จำกัด </t>
  </si>
  <si>
    <t>บริษัท ประชารัฐรักสามัคคีชลบุรี (วิสาหกิจเพื่อสังคม) จำกัด</t>
  </si>
  <si>
    <t>ฝ้ายจ๋ายาใจ</t>
  </si>
  <si>
    <t>ร้าน</t>
  </si>
  <si>
    <t>บจก.กาฬสินธุ์ โอทอป อินเตอร์เทรด (ฮุ่งเฮือง โอทอป ไลฟ์สไตล์)</t>
  </si>
  <si>
    <t>อิมปานิ</t>
  </si>
  <si>
    <t>บริษัท ไทยสมาร์ทไลฟ์ จำกัด</t>
  </si>
  <si>
    <t>คุณเจน</t>
  </si>
  <si>
    <t>คุณศุภกร  อิ่มสนิท</t>
  </si>
  <si>
    <t>คุณนัท / คุณแนว</t>
  </si>
  <si>
    <t>คุณเบล</t>
  </si>
  <si>
    <t xml:space="preserve">คุณวรวิทย์  ชูชม </t>
  </si>
  <si>
    <t>นางสาววัชรีพร  คงวิลาด</t>
  </si>
  <si>
    <t>คุณที</t>
  </si>
  <si>
    <t>คุณยุพิน  ผูกพานิช</t>
  </si>
  <si>
    <t>คุณภัทรา  วรามิตร</t>
  </si>
  <si>
    <t>นายเอกสิทธิ์   โกมลกิตติพงศ์</t>
  </si>
  <si>
    <t>นายจักรภัทร  กรธนทรัพย์</t>
  </si>
  <si>
    <t>นายปัณนยวรรธน์ วงศ์ไชย</t>
  </si>
  <si>
    <t>ภูเก็ต</t>
  </si>
  <si>
    <t xml:space="preserve">58 หมู่ 6  ตำบลบ้านเป้า  อำเภอพุทไธสง  จังหวัดบุรีรัมย์ </t>
  </si>
  <si>
    <t>กาสินธุ์</t>
  </si>
  <si>
    <t>อำนาจเจริญ</t>
  </si>
  <si>
    <t xml:space="preserve"> 55  หมู่ที่ 3 ตำบลนาโพธิ์กลาง  อำเภอโขงเจียม  จังหวัดอุบลราชธานี  </t>
  </si>
  <si>
    <t>พะเยา</t>
  </si>
  <si>
    <t xml:space="preserve">บ้านหตถกรรม ถ.กำแพงเพชร 2  แขวงลาดยาว  เขตจตุจักร  กรุงเทพมหานคร </t>
  </si>
  <si>
    <t>6/24 อาคารพานิชย์หน้าโรงแรมทวินโลตัส ซอย 4 ถนนพัฒนาการคูขวาง ต.ในเมือง  อ.เมือง จ.นครศรีธรรมราช</t>
  </si>
  <si>
    <t>73 ซ.5	ถ.เพชรเกษ  ตำบลหาดใหญ่  อำเภอหาดใหญ่	 จังหวัดสงขลา</t>
  </si>
  <si>
    <t>66 ม. 6 ถ.เพชรเกษม ต.ดอนตะโก อ.เมือง จ.ราชบุรี</t>
  </si>
  <si>
    <t>27/2 ม.1 ตำบลพระยาทด อำเภอเสาไห้ จังหวัดสระบุรี</t>
  </si>
  <si>
    <t xml:space="preserve">1 ถนนประปา ตำบลในเมือง อำเภอเมือง  จังหวัดยโสธร  </t>
  </si>
  <si>
    <t>67 อาคารศูนย์ส่งเสริมอุตสาหกรรมภาคที่ 9  ชั้นที่ 2 หมู่ที่ 1 ตำบลเสม็ด  อำบลเมือง	จังหวัดชลบุรี</t>
  </si>
  <si>
    <t xml:space="preserve">26/22 หมู่ 10 ซอยหมู่บ้านวรางกูลรังสิตคลอง 3 ตำบลลาดสวาย อำเภอลำลูกกา จังหวัดปทุมธานี  </t>
  </si>
  <si>
    <t xml:space="preserve">188 หมู่ที่ 1 ตำบลกมลไสย  อำเภอกมลไสย  จังหวัดกาฬสินธุ์  </t>
  </si>
  <si>
    <t xml:space="preserve">อิมปานิ  ผ้าขาวม้า  20/5 ถนนอุดมศิริ  ตำบลหน้าเมือง  อำเภอเมืองราชบุรี  จังหวัดราชบุรี </t>
  </si>
  <si>
    <t xml:space="preserve">322 หมู่ 9  ตำบลเขื่องขำ  อำเภอเมือง จังหวัดยโสธร </t>
  </si>
  <si>
    <t xml:space="preserve">1875/1 ถนนพระราม 4  แขวงลุมพินี เขตปทุมวัน กรุงเทพเทพมหานคร </t>
  </si>
  <si>
    <t>บ้านเลขที่ 79 ถนนดอนสวรรค์  ตำบลกาฬสินธิ์  อำเภอเมืองกาฬสินธุ์ จังหวัดกาฬสินธุ์</t>
  </si>
  <si>
    <t>46000</t>
  </si>
  <si>
    <t>087-717-9998</t>
  </si>
  <si>
    <t>098-915-6284</t>
  </si>
  <si>
    <t>095-618-6438</t>
  </si>
  <si>
    <t>089-580-9661</t>
  </si>
  <si>
    <t>081-881-8333,086-414-9821</t>
  </si>
  <si>
    <t>092-419-2266 (นัท) 095-464-0807 (แนว)</t>
  </si>
  <si>
    <t>084-848-3543</t>
  </si>
  <si>
    <t>095-574-5683</t>
  </si>
  <si>
    <t>098-2419148 , 094-6834521</t>
  </si>
  <si>
    <t>087-121-1232</t>
  </si>
  <si>
    <t>045-711342 , 086-352-4282</t>
  </si>
  <si>
    <t>083-029-3259</t>
  </si>
  <si>
    <t>086-556-8877</t>
  </si>
  <si>
    <t>064-197-6324</t>
  </si>
  <si>
    <t>089-666-9550</t>
  </si>
  <si>
    <t>062-197-4656</t>
  </si>
  <si>
    <t>02-252-7114 , 086-368-1835</t>
  </si>
  <si>
    <t xml:space="preserve">081-059-1193 (ศุภกร  อิ่มสนิท) </t>
  </si>
  <si>
    <t>บุรีรัมย์</t>
  </si>
  <si>
    <t>อุบลราชธานี</t>
  </si>
  <si>
    <t>กรุงเทพมหานคร</t>
  </si>
  <si>
    <t>นครศรีธรรมราช</t>
  </si>
  <si>
    <t>สงขลา</t>
  </si>
  <si>
    <t>ราชบุรี</t>
  </si>
  <si>
    <t>สระบุรี</t>
  </si>
  <si>
    <t>ยโสธร</t>
  </si>
  <si>
    <t>ชลบุรี</t>
  </si>
  <si>
    <t>ปทุมธานี</t>
  </si>
  <si>
    <t>กาฬสินธุ์</t>
  </si>
  <si>
    <t>กรุงเทพเทพมหานคร</t>
  </si>
  <si>
    <t>0877179998</t>
  </si>
  <si>
    <t>0956186438</t>
  </si>
  <si>
    <t>0895809661</t>
  </si>
  <si>
    <t>LUKNUTNUT,NAEW3475</t>
  </si>
  <si>
    <t>@ruangkongong</t>
  </si>
  <si>
    <t xml:space="preserve">0871211232 </t>
  </si>
  <si>
    <t>086-352-4282</t>
  </si>
  <si>
    <t>086-368-1835</t>
  </si>
  <si>
    <t>081-059-1193</t>
  </si>
  <si>
    <t>บริษัท ประชารัฐรักสามัคคีพะเยา จํากัด</t>
  </si>
  <si>
    <t>เรื่องของโอ่ง Pottery Legend</t>
  </si>
  <si>
    <t>บริษัท ประชารัฐรักสามัคคียโสธร - วิสาหกิจเพื่อสังคม จำกัด</t>
  </si>
  <si>
    <t>ฮุ่งเฮือง โอท็อป ไลฟ์สไตส์</t>
  </si>
  <si>
    <t>IMPANI PA-KAO-MA :: อิมปานิ ผ้าขาวม้า ::</t>
  </si>
  <si>
    <t>มูลนิธิแม่ฟ้าหลวงฯ Mae Fah Luang Foundation under Royal Patronage</t>
  </si>
  <si>
    <t>sephuket2016@gmail.com</t>
  </si>
  <si>
    <t>pracharathphayao@gmail.com</t>
  </si>
  <si>
    <t>prssongkhla@gmail.com</t>
  </si>
  <si>
    <t>Ruangkongong@gmail.com</t>
  </si>
  <si>
    <t>banhowhomemade@yahoo.com</t>
  </si>
  <si>
    <t>w.morning2010@gmail.co</t>
  </si>
  <si>
    <t>impani@gmail.com</t>
  </si>
  <si>
    <t>foodroup@thanlux.com</t>
  </si>
  <si>
    <t>communication@doitung.org</t>
  </si>
  <si>
    <t>www.ruangkongong.com</t>
  </si>
  <si>
    <t>www.impani.com</t>
  </si>
  <si>
    <t>http://thanlux.ne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  <font>
      <sz val="14"/>
      <color theme="1"/>
      <name val="Helvetica Neue"/>
      <family val="2"/>
      <scheme val="major"/>
    </font>
    <font>
      <sz val="14"/>
      <color indexed="8"/>
      <name val="Tahoma"/>
    </font>
    <font>
      <sz val="14"/>
      <name val="Helvetica Neue"/>
      <scheme val="major"/>
    </font>
    <font>
      <sz val="14"/>
      <color theme="1"/>
      <name val="Helvetica Neue"/>
      <scheme val="major"/>
    </font>
    <font>
      <sz val="14"/>
      <color theme="2" tint="-0.749961851863155"/>
      <name val="Helvetica Neue"/>
      <family val="2"/>
      <scheme val="min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9" fillId="0" borderId="0" applyNumberFormat="0" applyFill="0" applyBorder="0" applyAlignment="0" applyProtection="0">
      <alignment vertical="top" wrapText="1"/>
    </xf>
  </cellStyleXfs>
  <cellXfs count="20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  <xf numFmtId="0" fontId="4" fillId="4" borderId="5" xfId="0" applyNumberFormat="1" applyFont="1" applyFill="1" applyBorder="1" applyAlignment="1">
      <alignment vertical="center"/>
    </xf>
    <xf numFmtId="0" fontId="5" fillId="4" borderId="0" xfId="0" applyFont="1" applyFill="1" applyAlignment="1">
      <alignment vertical="center"/>
    </xf>
    <xf numFmtId="0" fontId="6" fillId="4" borderId="5" xfId="0" applyFont="1" applyFill="1" applyBorder="1" applyAlignment="1">
      <alignment vertical="center"/>
    </xf>
    <xf numFmtId="0" fontId="7" fillId="4" borderId="5" xfId="0" applyFont="1" applyFill="1" applyBorder="1" applyAlignment="1">
      <alignment vertical="center"/>
    </xf>
    <xf numFmtId="0" fontId="6" fillId="4" borderId="5" xfId="0" applyFont="1" applyFill="1" applyBorder="1" applyAlignment="1">
      <alignment vertical="center" wrapText="1"/>
    </xf>
    <xf numFmtId="0" fontId="7" fillId="4" borderId="5" xfId="0" applyFont="1" applyFill="1" applyBorder="1" applyAlignment="1">
      <alignment vertical="center" wrapText="1"/>
    </xf>
    <xf numFmtId="0" fontId="2" fillId="4" borderId="5" xfId="0" quotePrefix="1" applyNumberFormat="1" applyFont="1" applyFill="1" applyBorder="1" applyAlignment="1">
      <alignment vertical="center"/>
    </xf>
    <xf numFmtId="0" fontId="8" fillId="4" borderId="0" xfId="0" applyFont="1" applyFill="1" applyAlignment="1" applyProtection="1">
      <alignment vertical="top"/>
    </xf>
    <xf numFmtId="0" fontId="10" fillId="4" borderId="5" xfId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impani.com/" TargetMode="External"/><Relationship Id="rId2" Type="http://schemas.openxmlformats.org/officeDocument/2006/relationships/hyperlink" Target="http://thanlux.net/" TargetMode="External"/><Relationship Id="rId1" Type="http://schemas.openxmlformats.org/officeDocument/2006/relationships/hyperlink" Target="http://www.ruangkongong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4"/>
  <sheetViews>
    <sheetView showGridLines="0" tabSelected="1" topLeftCell="I13" workbookViewId="0">
      <selection activeCell="K4" sqref="K4:K23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3" width="36.453125" style="1" bestFit="1" customWidth="1"/>
    <col min="4" max="4" width="121.7265625" style="1" bestFit="1" customWidth="1"/>
    <col min="5" max="8" width="16.36328125" style="1" customWidth="1"/>
    <col min="9" max="9" width="85.81640625" style="1" bestFit="1" customWidth="1"/>
    <col min="10" max="10" width="34.54296875" style="1" bestFit="1" customWidth="1"/>
    <col min="11" max="12" width="16.36328125" style="1" customWidth="1"/>
    <col min="13" max="16384" width="16.36328125" style="1"/>
  </cols>
  <sheetData>
    <row r="1" spans="1:11" ht="30.15" customHeight="1">
      <c r="A1" s="6" t="s">
        <v>0</v>
      </c>
      <c r="B1" s="7"/>
      <c r="C1" s="7"/>
      <c r="D1" s="7"/>
      <c r="E1" s="7"/>
      <c r="F1" s="7"/>
      <c r="G1" s="7"/>
      <c r="H1" s="7"/>
      <c r="I1" s="7"/>
      <c r="J1" s="7"/>
      <c r="K1" s="8"/>
    </row>
    <row r="2" spans="1:11" ht="22.25" customHeight="1">
      <c r="A2" s="9" t="s">
        <v>1</v>
      </c>
      <c r="B2" s="2" t="s">
        <v>2</v>
      </c>
      <c r="C2" s="9" t="s">
        <v>3</v>
      </c>
      <c r="D2" s="9" t="s">
        <v>4</v>
      </c>
      <c r="E2" s="9" t="s">
        <v>5</v>
      </c>
      <c r="F2" s="9" t="s">
        <v>6</v>
      </c>
      <c r="G2" s="9" t="s">
        <v>7</v>
      </c>
      <c r="H2" s="9" t="s">
        <v>8</v>
      </c>
      <c r="I2" s="9" t="s">
        <v>9</v>
      </c>
      <c r="J2" s="9" t="s">
        <v>10</v>
      </c>
      <c r="K2" s="9" t="s">
        <v>11</v>
      </c>
    </row>
    <row r="3" spans="1:11" ht="22.4" customHeight="1">
      <c r="A3" s="10"/>
      <c r="B3" s="3" t="s">
        <v>12</v>
      </c>
      <c r="C3" s="10"/>
      <c r="D3" s="10"/>
      <c r="E3" s="10"/>
      <c r="F3" s="10"/>
      <c r="G3" s="10"/>
      <c r="H3" s="10"/>
      <c r="I3" s="10"/>
      <c r="J3" s="10"/>
      <c r="K3" s="10"/>
    </row>
    <row r="4" spans="1:11" ht="19.899999999999999" customHeight="1">
      <c r="A4" s="4" t="s">
        <v>14</v>
      </c>
      <c r="B4" s="1" t="s">
        <v>15</v>
      </c>
      <c r="C4" s="4"/>
      <c r="D4" s="5" t="s">
        <v>45</v>
      </c>
      <c r="E4" s="4">
        <v>83000</v>
      </c>
      <c r="F4" s="5" t="s">
        <v>45</v>
      </c>
      <c r="G4" s="4"/>
      <c r="H4" s="4"/>
      <c r="I4" s="4"/>
      <c r="J4" s="4" t="s">
        <v>110</v>
      </c>
      <c r="K4" s="4"/>
    </row>
    <row r="5" spans="1:11" ht="19.899999999999999" customHeight="1">
      <c r="A5" s="4" t="s">
        <v>16</v>
      </c>
      <c r="B5" s="1" t="s">
        <v>13</v>
      </c>
      <c r="C5" s="4" t="s">
        <v>16</v>
      </c>
      <c r="D5" s="5" t="s">
        <v>46</v>
      </c>
      <c r="E5" s="4">
        <v>31120</v>
      </c>
      <c r="F5" s="5" t="s">
        <v>83</v>
      </c>
      <c r="G5" s="4" t="s">
        <v>65</v>
      </c>
      <c r="H5" s="17" t="s">
        <v>95</v>
      </c>
      <c r="I5" s="4"/>
      <c r="J5" s="4"/>
      <c r="K5" s="4"/>
    </row>
    <row r="6" spans="1:11" ht="19.899999999999999" customHeight="1">
      <c r="A6" s="4" t="s">
        <v>17</v>
      </c>
      <c r="B6" s="1" t="s">
        <v>15</v>
      </c>
      <c r="C6" s="4"/>
      <c r="D6" s="5" t="s">
        <v>47</v>
      </c>
      <c r="E6" s="4">
        <v>46130</v>
      </c>
      <c r="F6" s="5" t="s">
        <v>47</v>
      </c>
      <c r="G6" s="4" t="s">
        <v>66</v>
      </c>
      <c r="H6" s="4"/>
      <c r="I6" s="4"/>
      <c r="J6" s="4"/>
      <c r="K6" s="4"/>
    </row>
    <row r="7" spans="1:11" ht="19.899999999999999" customHeight="1">
      <c r="A7" s="4" t="s">
        <v>18</v>
      </c>
      <c r="B7" s="1" t="s">
        <v>15</v>
      </c>
      <c r="C7" s="4"/>
      <c r="D7" s="5" t="s">
        <v>48</v>
      </c>
      <c r="E7" s="4">
        <v>37000</v>
      </c>
      <c r="F7" s="5" t="s">
        <v>48</v>
      </c>
      <c r="G7" s="4" t="s">
        <v>67</v>
      </c>
      <c r="H7" s="17" t="s">
        <v>96</v>
      </c>
      <c r="I7" s="4"/>
      <c r="J7" s="4"/>
      <c r="K7" s="4"/>
    </row>
    <row r="8" spans="1:11" ht="19.899999999999999" customHeight="1">
      <c r="A8" s="4" t="s">
        <v>19</v>
      </c>
      <c r="B8" s="1" t="s">
        <v>13</v>
      </c>
      <c r="C8" s="4" t="s">
        <v>19</v>
      </c>
      <c r="D8" s="5" t="s">
        <v>49</v>
      </c>
      <c r="E8" s="4">
        <v>34220</v>
      </c>
      <c r="F8" s="5" t="s">
        <v>84</v>
      </c>
      <c r="G8" s="4" t="s">
        <v>68</v>
      </c>
      <c r="H8" s="17" t="s">
        <v>97</v>
      </c>
      <c r="I8" s="4"/>
      <c r="J8" s="4"/>
      <c r="K8" s="4"/>
    </row>
    <row r="9" spans="1:11" ht="19.899999999999999" customHeight="1">
      <c r="A9" s="4" t="s">
        <v>20</v>
      </c>
      <c r="B9" s="1" t="s">
        <v>15</v>
      </c>
      <c r="C9" s="4" t="s">
        <v>44</v>
      </c>
      <c r="D9" s="5" t="s">
        <v>50</v>
      </c>
      <c r="E9" s="4">
        <v>56000</v>
      </c>
      <c r="F9" s="5" t="s">
        <v>50</v>
      </c>
      <c r="G9" s="4" t="s">
        <v>69</v>
      </c>
      <c r="H9" s="4"/>
      <c r="I9" s="4" t="s">
        <v>104</v>
      </c>
      <c r="J9" s="4" t="s">
        <v>111</v>
      </c>
      <c r="K9" s="4"/>
    </row>
    <row r="10" spans="1:11" ht="19.899999999999999" customHeight="1">
      <c r="A10" s="4" t="s">
        <v>21</v>
      </c>
      <c r="B10" s="1" t="s">
        <v>15</v>
      </c>
      <c r="C10" s="4" t="s">
        <v>35</v>
      </c>
      <c r="D10" s="15" t="s">
        <v>51</v>
      </c>
      <c r="E10" s="13">
        <v>10900</v>
      </c>
      <c r="F10" s="15" t="s">
        <v>85</v>
      </c>
      <c r="G10" s="4" t="s">
        <v>70</v>
      </c>
      <c r="H10" s="4" t="s">
        <v>98</v>
      </c>
      <c r="I10" s="4" t="s">
        <v>98</v>
      </c>
      <c r="J10" s="4"/>
      <c r="K10" s="4"/>
    </row>
    <row r="11" spans="1:11" ht="19.899999999999999" customHeight="1">
      <c r="A11" s="4" t="s">
        <v>22</v>
      </c>
      <c r="B11" s="1" t="s">
        <v>15</v>
      </c>
      <c r="C11" s="4"/>
      <c r="D11" s="15" t="s">
        <v>52</v>
      </c>
      <c r="E11" s="13">
        <v>80000</v>
      </c>
      <c r="F11" s="15" t="s">
        <v>86</v>
      </c>
      <c r="G11" s="4" t="s">
        <v>71</v>
      </c>
      <c r="H11" s="4"/>
      <c r="I11" s="4"/>
      <c r="J11" s="4"/>
      <c r="K11" s="4"/>
    </row>
    <row r="12" spans="1:11" ht="19.899999999999999" customHeight="1">
      <c r="A12" s="4" t="s">
        <v>23</v>
      </c>
      <c r="B12" s="1" t="s">
        <v>15</v>
      </c>
      <c r="C12" s="4"/>
      <c r="D12" s="15" t="s">
        <v>53</v>
      </c>
      <c r="E12" s="13">
        <v>90110</v>
      </c>
      <c r="F12" s="15" t="s">
        <v>87</v>
      </c>
      <c r="G12" s="4" t="s">
        <v>72</v>
      </c>
      <c r="H12" s="4"/>
      <c r="I12" s="4"/>
      <c r="J12" s="4" t="s">
        <v>112</v>
      </c>
      <c r="K12" s="4"/>
    </row>
    <row r="13" spans="1:11" ht="19.899999999999999" customHeight="1">
      <c r="A13" s="4" t="s">
        <v>24</v>
      </c>
      <c r="B13" s="1" t="s">
        <v>15</v>
      </c>
      <c r="C13" s="4" t="s">
        <v>36</v>
      </c>
      <c r="D13" s="15" t="s">
        <v>54</v>
      </c>
      <c r="E13" s="13">
        <v>70000</v>
      </c>
      <c r="F13" s="15" t="s">
        <v>88</v>
      </c>
      <c r="G13" s="4" t="s">
        <v>73</v>
      </c>
      <c r="H13" s="4" t="s">
        <v>99</v>
      </c>
      <c r="I13" s="4" t="s">
        <v>105</v>
      </c>
      <c r="J13" s="4" t="s">
        <v>113</v>
      </c>
      <c r="K13" s="19" t="s">
        <v>119</v>
      </c>
    </row>
    <row r="14" spans="1:11" ht="19.899999999999999" customHeight="1">
      <c r="A14" s="11" t="s">
        <v>25</v>
      </c>
      <c r="B14" s="1" t="s">
        <v>15</v>
      </c>
      <c r="C14" s="14" t="s">
        <v>37</v>
      </c>
      <c r="D14" s="16" t="s">
        <v>55</v>
      </c>
      <c r="E14" s="14">
        <v>18160</v>
      </c>
      <c r="F14" s="16" t="s">
        <v>89</v>
      </c>
      <c r="G14" s="11" t="s">
        <v>74</v>
      </c>
      <c r="H14" s="11" t="s">
        <v>100</v>
      </c>
      <c r="I14" s="14" t="s">
        <v>25</v>
      </c>
      <c r="J14" s="11" t="s">
        <v>114</v>
      </c>
      <c r="K14" s="11"/>
    </row>
    <row r="15" spans="1:11" ht="19.899999999999999" customHeight="1">
      <c r="A15" s="4" t="s">
        <v>26</v>
      </c>
      <c r="B15" s="1" t="s">
        <v>15</v>
      </c>
      <c r="C15" s="4" t="s">
        <v>38</v>
      </c>
      <c r="D15" s="15" t="s">
        <v>56</v>
      </c>
      <c r="E15" s="13">
        <v>35000</v>
      </c>
      <c r="F15" s="15" t="s">
        <v>90</v>
      </c>
      <c r="G15" s="4" t="s">
        <v>75</v>
      </c>
      <c r="H15" s="4" t="s">
        <v>101</v>
      </c>
      <c r="I15" s="4" t="s">
        <v>106</v>
      </c>
      <c r="J15" s="4" t="s">
        <v>115</v>
      </c>
      <c r="K15" s="4"/>
    </row>
    <row r="16" spans="1:11" ht="19.899999999999999" customHeight="1">
      <c r="A16" s="12" t="s">
        <v>27</v>
      </c>
      <c r="B16" s="1" t="s">
        <v>15</v>
      </c>
      <c r="C16" s="13" t="s">
        <v>39</v>
      </c>
      <c r="D16" s="15" t="s">
        <v>57</v>
      </c>
      <c r="E16" s="13">
        <v>20000</v>
      </c>
      <c r="F16" s="15" t="s">
        <v>91</v>
      </c>
      <c r="G16" s="4" t="s">
        <v>76</v>
      </c>
      <c r="H16" s="4"/>
      <c r="I16" s="4"/>
      <c r="J16" s="4"/>
      <c r="K16" s="4"/>
    </row>
    <row r="17" spans="1:11" ht="19.899999999999999" customHeight="1">
      <c r="A17" s="4" t="s">
        <v>28</v>
      </c>
      <c r="B17" s="1" t="s">
        <v>29</v>
      </c>
      <c r="C17" s="4" t="s">
        <v>40</v>
      </c>
      <c r="D17" s="15" t="s">
        <v>58</v>
      </c>
      <c r="E17" s="13">
        <v>12150</v>
      </c>
      <c r="F17" s="15" t="s">
        <v>92</v>
      </c>
      <c r="G17" s="4" t="s">
        <v>77</v>
      </c>
      <c r="H17" s="13" t="s">
        <v>77</v>
      </c>
      <c r="I17" s="13" t="s">
        <v>28</v>
      </c>
      <c r="J17" s="4"/>
      <c r="K17" s="4"/>
    </row>
    <row r="18" spans="1:11" ht="19.899999999999999" customHeight="1">
      <c r="A18" s="4" t="s">
        <v>30</v>
      </c>
      <c r="B18" s="1" t="s">
        <v>15</v>
      </c>
      <c r="C18" s="4" t="s">
        <v>41</v>
      </c>
      <c r="D18" s="15" t="s">
        <v>59</v>
      </c>
      <c r="E18" s="13">
        <v>46130</v>
      </c>
      <c r="F18" s="15" t="s">
        <v>93</v>
      </c>
      <c r="G18" s="4" t="s">
        <v>78</v>
      </c>
      <c r="H18" s="4"/>
      <c r="I18" s="4" t="s">
        <v>107</v>
      </c>
      <c r="J18" s="4"/>
      <c r="K18" s="4"/>
    </row>
    <row r="19" spans="1:11" ht="19.899999999999999" customHeight="1">
      <c r="A19" s="4" t="s">
        <v>31</v>
      </c>
      <c r="B19" s="1" t="s">
        <v>29</v>
      </c>
      <c r="C19" s="4" t="s">
        <v>42</v>
      </c>
      <c r="D19" s="15" t="s">
        <v>60</v>
      </c>
      <c r="E19" s="13">
        <v>70000</v>
      </c>
      <c r="F19" s="15" t="s">
        <v>88</v>
      </c>
      <c r="G19" s="4" t="s">
        <v>79</v>
      </c>
      <c r="H19" s="4" t="s">
        <v>79</v>
      </c>
      <c r="I19" s="4" t="s">
        <v>108</v>
      </c>
      <c r="J19" s="4" t="s">
        <v>116</v>
      </c>
      <c r="K19" s="19" t="s">
        <v>120</v>
      </c>
    </row>
    <row r="20" spans="1:11" ht="19.899999999999999" customHeight="1">
      <c r="A20" s="4" t="s">
        <v>21</v>
      </c>
      <c r="B20" s="1" t="s">
        <v>15</v>
      </c>
      <c r="C20" s="4" t="s">
        <v>35</v>
      </c>
      <c r="D20" s="15" t="s">
        <v>51</v>
      </c>
      <c r="E20" s="13">
        <v>10900</v>
      </c>
      <c r="F20" s="15" t="s">
        <v>85</v>
      </c>
      <c r="G20" s="4" t="s">
        <v>70</v>
      </c>
      <c r="H20" s="4" t="s">
        <v>98</v>
      </c>
      <c r="I20" s="4"/>
      <c r="J20" s="4"/>
      <c r="K20" s="4"/>
    </row>
    <row r="21" spans="1:11" ht="19.899999999999999" customHeight="1">
      <c r="A21" s="4" t="s">
        <v>32</v>
      </c>
      <c r="B21" s="1" t="s">
        <v>15</v>
      </c>
      <c r="C21" s="4" t="s">
        <v>43</v>
      </c>
      <c r="D21" s="15" t="s">
        <v>61</v>
      </c>
      <c r="E21" s="13">
        <v>35000</v>
      </c>
      <c r="F21" s="15" t="s">
        <v>90</v>
      </c>
      <c r="G21" s="4" t="s">
        <v>80</v>
      </c>
      <c r="H21" s="4" t="s">
        <v>80</v>
      </c>
      <c r="I21" s="4"/>
      <c r="J21" s="4" t="s">
        <v>117</v>
      </c>
      <c r="K21" s="19" t="s">
        <v>121</v>
      </c>
    </row>
    <row r="22" spans="1:11" ht="19.899999999999999" customHeight="1">
      <c r="A22" s="13" t="s">
        <v>33</v>
      </c>
      <c r="B22" s="1" t="s">
        <v>13</v>
      </c>
      <c r="C22" s="4" t="s">
        <v>33</v>
      </c>
      <c r="D22" s="5" t="s">
        <v>62</v>
      </c>
      <c r="E22" s="4">
        <v>10330</v>
      </c>
      <c r="F22" s="5" t="s">
        <v>94</v>
      </c>
      <c r="G22" s="4" t="s">
        <v>81</v>
      </c>
      <c r="H22" s="4" t="s">
        <v>102</v>
      </c>
      <c r="I22" s="17" t="s">
        <v>109</v>
      </c>
      <c r="J22" s="4" t="s">
        <v>118</v>
      </c>
      <c r="K22" s="4"/>
    </row>
    <row r="23" spans="1:11" ht="19.899999999999999" customHeight="1">
      <c r="A23" s="13" t="s">
        <v>34</v>
      </c>
      <c r="B23" s="1" t="s">
        <v>13</v>
      </c>
      <c r="C23" s="4" t="s">
        <v>34</v>
      </c>
      <c r="D23" s="5" t="s">
        <v>63</v>
      </c>
      <c r="E23" s="4" t="s">
        <v>64</v>
      </c>
      <c r="F23" s="5" t="s">
        <v>93</v>
      </c>
      <c r="G23" s="4" t="s">
        <v>82</v>
      </c>
      <c r="H23" s="4" t="s">
        <v>103</v>
      </c>
      <c r="I23" s="17"/>
      <c r="J23" s="4"/>
      <c r="K23" s="4"/>
    </row>
    <row r="24" spans="1:11" ht="19.899999999999999" customHeight="1">
      <c r="I24" s="18"/>
      <c r="J24" s="18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13" r:id="rId1" xr:uid="{BE19820B-56EA-4E8C-B032-198B69E40737}"/>
    <hyperlink ref="K21" r:id="rId2" xr:uid="{88A51D84-D982-466C-A27D-76601A149000}"/>
    <hyperlink ref="K19" r:id="rId3" xr:uid="{18D92D6D-BC4E-4D0A-A2BD-E150F6C8BEEB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8T03:01:59Z</dcterms:modified>
</cp:coreProperties>
</file>